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3822"/>
  <workbookPr defaultThemeVersion="124226"/>
  <mc:AlternateContent xmlns:mc="http://schemas.openxmlformats.org/markup-compatibility/2006">
    <mc:Choice Requires="x15">
      <x15ac:absPath xmlns:x15ac="http://schemas.microsoft.com/office/spreadsheetml/2010/11/ac" url="C:\Users\s158320\Desktop\"/>
    </mc:Choice>
  </mc:AlternateContent>
  <xr:revisionPtr revIDLastSave="0" documentId="11_2B3AC0841E6E5B871E3551A8719F8FD04DE5A747" xr6:coauthVersionLast="46" xr6:coauthVersionMax="46" xr10:uidLastSave="{00000000-0000-0000-0000-000000000000}"/>
  <bookViews>
    <workbookView xWindow="0" yWindow="0" windowWidth="25200" windowHeight="13125" xr2:uid="{00000000-000D-0000-FFFF-FFFF00000000}"/>
  </bookViews>
  <sheets>
    <sheet name="Sheet1" sheetId="1" r:id="rId1"/>
    <sheet name="Sheet2" sheetId="2" r:id="rId2"/>
    <sheet name="Sheet3" sheetId="3" r:id="rId3"/>
  </sheets>
  <calcPr calcId="191028" calcCompleted="0"/>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04" uniqueCount="61">
  <si>
    <t>PI GUIDANCE ON ALLOWABLE DIRECT COSTS MATRIX</t>
  </si>
  <si>
    <t>EXPENSES</t>
  </si>
  <si>
    <t>NORMALLY ALLOWABLE</t>
  </si>
  <si>
    <t>NORMALLY UNALLOWABLE</t>
  </si>
  <si>
    <t>COMMENT</t>
  </si>
  <si>
    <t>Advertising</t>
  </si>
  <si>
    <t>√</t>
  </si>
  <si>
    <t>Costs for patient recruitment and fellowship and training programs may be allowable.</t>
  </si>
  <si>
    <t>Alcoholic beverages</t>
  </si>
  <si>
    <t>Alumni activities</t>
  </si>
  <si>
    <t>Animal care costs</t>
  </si>
  <si>
    <t>Animals</t>
  </si>
  <si>
    <t>Bad debt expense</t>
  </si>
  <si>
    <t>Communication/Shipping/Phone Costs</t>
  </si>
  <si>
    <t xml:space="preserve">When these costs can be directly assigned to a particular project relatively easily and with a high degree of accuracy, these costs may be allowable.  </t>
  </si>
  <si>
    <t>Contributions and donations</t>
  </si>
  <si>
    <t>Entertainment</t>
  </si>
  <si>
    <t>Equipment</t>
  </si>
  <si>
    <t>Fines and penalties</t>
  </si>
  <si>
    <t>Fringe Benefits</t>
  </si>
  <si>
    <t>Fund raising</t>
  </si>
  <si>
    <t>Graduation ceremonies and other commencement expenses</t>
  </si>
  <si>
    <t>Housing - Faculty or Administrative</t>
  </si>
  <si>
    <t>Interest, including internal allocations</t>
  </si>
  <si>
    <t>Legal Fees</t>
  </si>
  <si>
    <t>Lobbying</t>
  </si>
  <si>
    <t>Maintenance agreements</t>
  </si>
  <si>
    <t>Maintenance agreements under $5000 related to techincal and scientific  equipment are allowable</t>
  </si>
  <si>
    <t>Materials and Supplies</t>
  </si>
  <si>
    <t>Meals and travel associated with lobbying, fund raising, alumni activities</t>
  </si>
  <si>
    <t>Medical malpractice insurance</t>
  </si>
  <si>
    <t>Memberships</t>
  </si>
  <si>
    <t>Memberships are not normally allowable direct costs unless the sponsor requires the membership for the performance of the project and the cost is specifically approved in the award budget by the sponsor.</t>
  </si>
  <si>
    <t>Overdrafts on restricted funds</t>
  </si>
  <si>
    <t>Passports</t>
  </si>
  <si>
    <t>Personal use of institutional automobiles or other property and services</t>
  </si>
  <si>
    <t>Photocopies</t>
  </si>
  <si>
    <t xml:space="preserve"> Those costs directly related to a programmatic activity may be allowable.  </t>
  </si>
  <si>
    <t>Postage</t>
  </si>
  <si>
    <t>Printing/Dissemination Costs for poster or publication preparation</t>
  </si>
  <si>
    <t>Professional investment advice costs</t>
  </si>
  <si>
    <t>Public relations</t>
  </si>
  <si>
    <t>Salaries</t>
  </si>
  <si>
    <t>Salaries - Admin</t>
  </si>
  <si>
    <t xml:space="preserve">Salaries of administrative and clerical staff should usually be treated as indirect costs, but direct charging of these costs may be appropriate where the nature of the work performed under a particular project requires an extensive amount of administrative or clerical support which is significantly greater than the routine level of such services provided by academic departments. </t>
  </si>
  <si>
    <t>STEM Tuition</t>
  </si>
  <si>
    <t>Based on sponsored guidelines and inclusion of approved budget.</t>
  </si>
  <si>
    <t>Student activities</t>
  </si>
  <si>
    <t>Supplies /Office</t>
  </si>
  <si>
    <t>General office supplies (paper, pencils, pens, accent markers, all purpose notebooks, binders, file folders, etc.) normally cannot be considered an allowable direct cost on a grant or contract. However, exceptions may be dictated by the nature and/or demand of the research project that could make such charges allowable when appropriate justification has been provided.</t>
  </si>
  <si>
    <t>Supplies/Computer</t>
  </si>
  <si>
    <t xml:space="preserve">Funds to buy a computer and peripherals, are allowed as long as the purchase is reasonable, necessary and allocable.  More information can be found here:  http://utsouthwestern.net/intranet/administration/sponsored-programs/doclib/pi-guidance-on-allowable-costs-14-13.pdf </t>
  </si>
  <si>
    <t xml:space="preserve">Supplies/Laboratory </t>
  </si>
  <si>
    <t>Telephone Costs and Monthly Rental</t>
  </si>
  <si>
    <t>Long distance phone charges, dedicated cell phones/telephone lines to conduct surveys or clinical subject contact lines may be allowable when these costs can be directly assigned to a particular project relatively easily and with a high degree of accuracy.</t>
  </si>
  <si>
    <t>Travel</t>
  </si>
  <si>
    <t>Review detailed sponsor guidelines for allowability.</t>
  </si>
  <si>
    <t>Unrecovered costs (losses) of service centers</t>
  </si>
  <si>
    <t>Wages</t>
  </si>
  <si>
    <t>Other Operational Costs</t>
  </si>
  <si>
    <t>Review sponsor guidelines for reasonable, allocable and allowable parameters of other expenditur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font>
      <sz val="11"/>
      <color theme="1"/>
      <name val="Calibri"/>
      <family val="2"/>
      <scheme val="minor"/>
    </font>
    <font>
      <b/>
      <sz val="11"/>
      <color theme="1"/>
      <name val="Calibri"/>
      <family val="2"/>
      <scheme val="minor"/>
    </font>
    <font>
      <u/>
      <sz val="11"/>
      <color theme="10"/>
      <name val="Calibri"/>
      <family val="2"/>
      <scheme val="minor"/>
    </font>
    <font>
      <b/>
      <u/>
      <sz val="16"/>
      <color theme="10"/>
      <name val="Calibri"/>
      <family val="2"/>
      <scheme val="minor"/>
    </font>
    <font>
      <sz val="11"/>
      <color theme="1"/>
      <name val="Calibri"/>
      <family val="2"/>
    </font>
  </fonts>
  <fills count="3">
    <fill>
      <patternFill patternType="none"/>
    </fill>
    <fill>
      <patternFill patternType="gray125"/>
    </fill>
    <fill>
      <patternFill patternType="solid">
        <fgColor theme="8" tint="0.79998168889431442"/>
        <bgColor indexed="64"/>
      </patternFill>
    </fill>
  </fills>
  <borders count="11">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s>
  <cellStyleXfs count="2">
    <xf numFmtId="0" fontId="0" fillId="0" borderId="0"/>
    <xf numFmtId="0" fontId="2" fillId="0" borderId="0" applyNumberFormat="0" applyFill="0" applyBorder="0" applyAlignment="0" applyProtection="0"/>
  </cellStyleXfs>
  <cellXfs count="14">
    <xf numFmtId="0" fontId="0" fillId="0" borderId="0" xfId="0"/>
    <xf numFmtId="0" fontId="1" fillId="0" borderId="4" xfId="0" applyFont="1" applyBorder="1" applyAlignment="1">
      <alignment horizontal="center" vertical="center" wrapText="1"/>
    </xf>
    <xf numFmtId="0" fontId="0" fillId="0" borderId="5" xfId="0" applyBorder="1" applyAlignment="1">
      <alignment horizontal="left" vertical="center" wrapText="1"/>
    </xf>
    <xf numFmtId="0" fontId="0" fillId="0" borderId="6" xfId="0" applyBorder="1" applyAlignment="1">
      <alignment horizontal="center" vertical="center" wrapText="1"/>
    </xf>
    <xf numFmtId="0" fontId="4" fillId="0" borderId="6" xfId="0" applyFont="1" applyBorder="1" applyAlignment="1">
      <alignment horizontal="center" vertical="center" wrapText="1"/>
    </xf>
    <xf numFmtId="0" fontId="0" fillId="0" borderId="7" xfId="0" applyBorder="1" applyAlignment="1">
      <alignment horizontal="left" vertical="center" wrapText="1"/>
    </xf>
    <xf numFmtId="0" fontId="0" fillId="0" borderId="0" xfId="0" applyAlignment="1">
      <alignment wrapText="1"/>
    </xf>
    <xf numFmtId="0" fontId="0" fillId="2" borderId="8" xfId="0" applyFill="1" applyBorder="1" applyAlignment="1">
      <alignment horizontal="left" vertical="center" wrapText="1"/>
    </xf>
    <xf numFmtId="0" fontId="4" fillId="2" borderId="9" xfId="0" applyFont="1" applyFill="1" applyBorder="1" applyAlignment="1">
      <alignment horizontal="center" vertical="center" wrapText="1"/>
    </xf>
    <xf numFmtId="0" fontId="0" fillId="2" borderId="10" xfId="0" applyFill="1" applyBorder="1" applyAlignment="1">
      <alignment horizontal="left" vertical="center" wrapText="1"/>
    </xf>
    <xf numFmtId="0" fontId="0" fillId="0" borderId="7" xfId="1" applyFont="1" applyBorder="1" applyAlignment="1">
      <alignment wrapText="1"/>
    </xf>
    <xf numFmtId="0" fontId="3" fillId="0" borderId="1" xfId="1" applyFont="1" applyBorder="1" applyAlignment="1">
      <alignment horizontal="center" vertical="center" wrapText="1"/>
    </xf>
    <xf numFmtId="0" fontId="3" fillId="0" borderId="2" xfId="1" applyFont="1" applyBorder="1" applyAlignment="1">
      <alignment horizontal="center" vertical="center" wrapText="1"/>
    </xf>
    <xf numFmtId="0" fontId="3" fillId="0" borderId="3" xfId="1" applyFont="1" applyBorder="1" applyAlignment="1">
      <alignment horizontal="center" vertical="center" wrapText="1"/>
    </xf>
  </cellXfs>
  <cellStyles count="2">
    <cellStyle name="Hyperlink" xfId="1" builtinId="8"/>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 Id="rId9" Type="http://schemas.openxmlformats.org/officeDocument/2006/relationships/customXml" Target="../customXml/item3.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utsouthwestern.net/intranet/administration/sponsored-programs/doclib/pi-guidance-on-allowable-costs-14-13.pdf"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D45"/>
  <sheetViews>
    <sheetView tabSelected="1" zoomScaleNormal="100" workbookViewId="0">
      <selection activeCell="F40" sqref="F40"/>
    </sheetView>
  </sheetViews>
  <sheetFormatPr defaultColWidth="30" defaultRowHeight="15"/>
  <cols>
    <col min="1" max="1" width="37.85546875" style="6" customWidth="1"/>
    <col min="4" max="4" width="40.7109375" style="6" customWidth="1"/>
  </cols>
  <sheetData>
    <row r="1" spans="1:4" ht="21.75" thickBot="1">
      <c r="A1" s="11" t="s">
        <v>0</v>
      </c>
      <c r="B1" s="12"/>
      <c r="C1" s="12"/>
      <c r="D1" s="13"/>
    </row>
    <row r="2" spans="1:4" ht="15.75" thickBot="1">
      <c r="A2" s="1" t="s">
        <v>1</v>
      </c>
      <c r="B2" s="1" t="s">
        <v>2</v>
      </c>
      <c r="C2" s="1" t="s">
        <v>3</v>
      </c>
      <c r="D2" s="1" t="s">
        <v>4</v>
      </c>
    </row>
    <row r="3" spans="1:4" ht="45">
      <c r="A3" s="2" t="s">
        <v>5</v>
      </c>
      <c r="B3" s="3"/>
      <c r="C3" s="4" t="s">
        <v>6</v>
      </c>
      <c r="D3" s="5" t="s">
        <v>7</v>
      </c>
    </row>
    <row r="4" spans="1:4">
      <c r="A4" s="2" t="s">
        <v>8</v>
      </c>
      <c r="B4" s="3"/>
      <c r="C4" s="4" t="s">
        <v>6</v>
      </c>
      <c r="D4" s="5"/>
    </row>
    <row r="5" spans="1:4">
      <c r="A5" s="2" t="s">
        <v>9</v>
      </c>
      <c r="B5" s="3"/>
      <c r="C5" s="4" t="s">
        <v>6</v>
      </c>
      <c r="D5" s="5"/>
    </row>
    <row r="6" spans="1:4">
      <c r="A6" s="2" t="s">
        <v>10</v>
      </c>
      <c r="B6" s="4" t="s">
        <v>6</v>
      </c>
      <c r="C6" s="4"/>
      <c r="D6" s="5"/>
    </row>
    <row r="7" spans="1:4">
      <c r="A7" s="2" t="s">
        <v>11</v>
      </c>
      <c r="B7" s="4" t="s">
        <v>6</v>
      </c>
      <c r="C7" s="4"/>
      <c r="D7" s="5"/>
    </row>
    <row r="8" spans="1:4">
      <c r="A8" s="2" t="s">
        <v>12</v>
      </c>
      <c r="B8" s="3"/>
      <c r="C8" s="4" t="s">
        <v>6</v>
      </c>
      <c r="D8" s="5"/>
    </row>
    <row r="9" spans="1:4" ht="60">
      <c r="A9" s="2" t="s">
        <v>13</v>
      </c>
      <c r="B9" s="4"/>
      <c r="C9" s="4" t="s">
        <v>6</v>
      </c>
      <c r="D9" s="5" t="s">
        <v>14</v>
      </c>
    </row>
    <row r="10" spans="1:4">
      <c r="A10" s="2" t="s">
        <v>15</v>
      </c>
      <c r="B10" s="3"/>
      <c r="C10" s="4" t="s">
        <v>6</v>
      </c>
      <c r="D10" s="5"/>
    </row>
    <row r="11" spans="1:4">
      <c r="A11" s="2" t="s">
        <v>16</v>
      </c>
      <c r="B11" s="4"/>
      <c r="C11" s="4" t="s">
        <v>6</v>
      </c>
      <c r="D11" s="5"/>
    </row>
    <row r="12" spans="1:4">
      <c r="A12" s="2" t="s">
        <v>17</v>
      </c>
      <c r="B12" s="4" t="s">
        <v>6</v>
      </c>
      <c r="C12" s="4"/>
      <c r="D12" s="5"/>
    </row>
    <row r="13" spans="1:4">
      <c r="A13" s="2" t="s">
        <v>18</v>
      </c>
      <c r="B13" s="3"/>
      <c r="C13" s="4" t="s">
        <v>6</v>
      </c>
      <c r="D13" s="5"/>
    </row>
    <row r="14" spans="1:4">
      <c r="A14" s="2" t="s">
        <v>19</v>
      </c>
      <c r="B14" s="4" t="s">
        <v>6</v>
      </c>
      <c r="C14" s="4"/>
      <c r="D14" s="5"/>
    </row>
    <row r="15" spans="1:4">
      <c r="A15" s="2" t="s">
        <v>20</v>
      </c>
      <c r="B15" s="3"/>
      <c r="C15" s="4" t="s">
        <v>6</v>
      </c>
      <c r="D15" s="5"/>
    </row>
    <row r="16" spans="1:4" ht="30">
      <c r="A16" s="2" t="s">
        <v>21</v>
      </c>
      <c r="B16" s="3"/>
      <c r="C16" s="4" t="s">
        <v>6</v>
      </c>
      <c r="D16" s="5"/>
    </row>
    <row r="17" spans="1:4">
      <c r="A17" s="2" t="s">
        <v>22</v>
      </c>
      <c r="B17" s="3"/>
      <c r="C17" s="4" t="s">
        <v>6</v>
      </c>
      <c r="D17" s="5"/>
    </row>
    <row r="18" spans="1:4">
      <c r="A18" s="2" t="s">
        <v>23</v>
      </c>
      <c r="B18" s="3"/>
      <c r="C18" s="4" t="s">
        <v>6</v>
      </c>
      <c r="D18" s="5"/>
    </row>
    <row r="19" spans="1:4">
      <c r="A19" s="2" t="s">
        <v>24</v>
      </c>
      <c r="B19" s="3"/>
      <c r="C19" s="4" t="s">
        <v>6</v>
      </c>
      <c r="D19" s="5"/>
    </row>
    <row r="20" spans="1:4">
      <c r="A20" s="2" t="s">
        <v>25</v>
      </c>
      <c r="B20" s="3"/>
      <c r="C20" s="4" t="s">
        <v>6</v>
      </c>
      <c r="D20" s="5"/>
    </row>
    <row r="21" spans="1:4" ht="45">
      <c r="A21" s="2" t="s">
        <v>26</v>
      </c>
      <c r="B21" s="4" t="s">
        <v>6</v>
      </c>
      <c r="C21" s="4"/>
      <c r="D21" s="5" t="s">
        <v>27</v>
      </c>
    </row>
    <row r="22" spans="1:4">
      <c r="A22" s="2" t="s">
        <v>28</v>
      </c>
      <c r="B22" s="4" t="s">
        <v>6</v>
      </c>
      <c r="C22" s="4"/>
      <c r="D22" s="5"/>
    </row>
    <row r="23" spans="1:4" ht="30">
      <c r="A23" s="2" t="s">
        <v>29</v>
      </c>
      <c r="B23" s="3"/>
      <c r="C23" s="4" t="s">
        <v>6</v>
      </c>
      <c r="D23" s="5"/>
    </row>
    <row r="24" spans="1:4">
      <c r="A24" s="2" t="s">
        <v>30</v>
      </c>
      <c r="B24" s="3"/>
      <c r="C24" s="4" t="s">
        <v>6</v>
      </c>
      <c r="D24" s="5"/>
    </row>
    <row r="25" spans="1:4" ht="75">
      <c r="A25" s="2" t="s">
        <v>31</v>
      </c>
      <c r="B25" s="3"/>
      <c r="C25" s="4" t="s">
        <v>6</v>
      </c>
      <c r="D25" s="5" t="s">
        <v>32</v>
      </c>
    </row>
    <row r="26" spans="1:4">
      <c r="A26" s="2" t="s">
        <v>33</v>
      </c>
      <c r="B26" s="4"/>
      <c r="C26" s="4" t="s">
        <v>6</v>
      </c>
      <c r="D26" s="5"/>
    </row>
    <row r="27" spans="1:4">
      <c r="A27" s="2" t="s">
        <v>34</v>
      </c>
      <c r="B27" s="3"/>
      <c r="C27" s="4" t="s">
        <v>6</v>
      </c>
      <c r="D27" s="5"/>
    </row>
    <row r="28" spans="1:4" ht="45">
      <c r="A28" s="2" t="s">
        <v>35</v>
      </c>
      <c r="B28" s="3"/>
      <c r="C28" s="4" t="s">
        <v>6</v>
      </c>
      <c r="D28" s="5"/>
    </row>
    <row r="29" spans="1:4" ht="30">
      <c r="A29" s="2" t="s">
        <v>36</v>
      </c>
      <c r="B29" s="3"/>
      <c r="C29" s="4" t="s">
        <v>6</v>
      </c>
      <c r="D29" s="5" t="s">
        <v>37</v>
      </c>
    </row>
    <row r="30" spans="1:4" ht="60">
      <c r="A30" s="2" t="s">
        <v>38</v>
      </c>
      <c r="B30" s="3"/>
      <c r="C30" s="4" t="s">
        <v>6</v>
      </c>
      <c r="D30" s="5" t="s">
        <v>14</v>
      </c>
    </row>
    <row r="31" spans="1:4" ht="30">
      <c r="A31" s="2" t="s">
        <v>39</v>
      </c>
      <c r="B31" s="4" t="s">
        <v>6</v>
      </c>
      <c r="C31" s="4"/>
      <c r="D31" s="5"/>
    </row>
    <row r="32" spans="1:4">
      <c r="A32" s="2" t="s">
        <v>40</v>
      </c>
      <c r="B32" s="3"/>
      <c r="C32" s="4" t="s">
        <v>6</v>
      </c>
      <c r="D32" s="5"/>
    </row>
    <row r="33" spans="1:4">
      <c r="A33" s="2" t="s">
        <v>41</v>
      </c>
      <c r="B33" s="4"/>
      <c r="C33" s="4" t="s">
        <v>6</v>
      </c>
      <c r="D33" s="5"/>
    </row>
    <row r="34" spans="1:4">
      <c r="A34" s="2" t="s">
        <v>42</v>
      </c>
      <c r="B34" s="4" t="s">
        <v>6</v>
      </c>
      <c r="C34" s="3"/>
      <c r="D34" s="5"/>
    </row>
    <row r="35" spans="1:4" ht="150">
      <c r="A35" s="2" t="s">
        <v>43</v>
      </c>
      <c r="B35" s="4"/>
      <c r="C35" s="4" t="s">
        <v>6</v>
      </c>
      <c r="D35" s="5" t="s">
        <v>44</v>
      </c>
    </row>
    <row r="36" spans="1:4" ht="30">
      <c r="A36" s="2" t="s">
        <v>45</v>
      </c>
      <c r="B36" s="4" t="s">
        <v>6</v>
      </c>
      <c r="C36" s="4"/>
      <c r="D36" s="5" t="s">
        <v>46</v>
      </c>
    </row>
    <row r="37" spans="1:4">
      <c r="A37" s="2" t="s">
        <v>47</v>
      </c>
      <c r="B37" s="3"/>
      <c r="C37" s="4" t="s">
        <v>6</v>
      </c>
      <c r="D37" s="5"/>
    </row>
    <row r="38" spans="1:4" ht="150">
      <c r="A38" s="2" t="s">
        <v>48</v>
      </c>
      <c r="B38" s="3"/>
      <c r="C38" s="4" t="s">
        <v>6</v>
      </c>
      <c r="D38" s="5" t="s">
        <v>49</v>
      </c>
    </row>
    <row r="39" spans="1:4" ht="105">
      <c r="A39" s="2" t="s">
        <v>50</v>
      </c>
      <c r="B39" s="3"/>
      <c r="C39" s="4" t="s">
        <v>6</v>
      </c>
      <c r="D39" s="10" t="s">
        <v>51</v>
      </c>
    </row>
    <row r="40" spans="1:4">
      <c r="A40" s="2" t="s">
        <v>52</v>
      </c>
      <c r="B40" s="4" t="s">
        <v>6</v>
      </c>
      <c r="C40" s="4"/>
      <c r="D40" s="5"/>
    </row>
    <row r="41" spans="1:4" ht="90">
      <c r="A41" s="2" t="s">
        <v>53</v>
      </c>
      <c r="B41" s="3"/>
      <c r="C41" s="4" t="s">
        <v>6</v>
      </c>
      <c r="D41" s="5" t="s">
        <v>54</v>
      </c>
    </row>
    <row r="42" spans="1:4" ht="30">
      <c r="A42" s="2" t="s">
        <v>55</v>
      </c>
      <c r="B42" s="4" t="s">
        <v>6</v>
      </c>
      <c r="C42" s="3"/>
      <c r="D42" s="5" t="s">
        <v>56</v>
      </c>
    </row>
    <row r="43" spans="1:4" ht="30">
      <c r="A43" s="2" t="s">
        <v>57</v>
      </c>
      <c r="B43" s="3"/>
      <c r="C43" s="4" t="s">
        <v>6</v>
      </c>
      <c r="D43" s="5"/>
    </row>
    <row r="44" spans="1:4">
      <c r="A44" s="2" t="s">
        <v>58</v>
      </c>
      <c r="B44" s="4" t="s">
        <v>6</v>
      </c>
      <c r="C44" s="4"/>
      <c r="D44" s="5"/>
    </row>
    <row r="45" spans="1:4" ht="45">
      <c r="A45" s="7" t="s">
        <v>59</v>
      </c>
      <c r="B45" s="8" t="s">
        <v>6</v>
      </c>
      <c r="C45" s="8"/>
      <c r="D45" s="9" t="s">
        <v>60</v>
      </c>
    </row>
  </sheetData>
  <mergeCells count="1">
    <mergeCell ref="A1:D1"/>
  </mergeCells>
  <hyperlinks>
    <hyperlink ref="A1:D1" r:id="rId1" display="PI GUIDANCE ON ALLOWABLE COSTS MATRIX" xr:uid="{00000000-0004-0000-0000-000000000000}"/>
  </hyperlinks>
  <pageMargins left="0.25" right="0.25" top="0.75" bottom="0.75" header="0.3" footer="0.3"/>
  <pageSetup scale="73" fitToHeight="0" orientation="portrait"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
  <sheetViews>
    <sheetView workbookViewId="0"/>
  </sheetViews>
  <sheetFormatPr defaultRowHeight="15"/>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
  <sheetViews>
    <sheetView workbookViewId="0"/>
  </sheetViews>
  <sheetFormatPr defaultRowHeight="15"/>
  <sheetData/>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A67ED864FFB19A46990180E0D864FAD1" ma:contentTypeVersion="15" ma:contentTypeDescription="Create a new document." ma:contentTypeScope="" ma:versionID="e21da5f70e25dbed9edfc7878933fa4e">
  <xsd:schema xmlns:xsd="http://www.w3.org/2001/XMLSchema" xmlns:xs="http://www.w3.org/2001/XMLSchema" xmlns:p="http://schemas.microsoft.com/office/2006/metadata/properties" xmlns:ns2="b562e19c-4f3a-4237-b495-387a3b6c6cac" xmlns:ns3="f015306e-53ff-430f-8369-c8220d75c1b2" targetNamespace="http://schemas.microsoft.com/office/2006/metadata/properties" ma:root="true" ma:fieldsID="192325b98fd33ebd4e5b5e6f7178d4ea" ns2:_="" ns3:_="">
    <xsd:import namespace="b562e19c-4f3a-4237-b495-387a3b6c6cac"/>
    <xsd:import namespace="f015306e-53ff-430f-8369-c8220d75c1b2"/>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DateTaken" minOccurs="0"/>
                <xsd:element ref="ns2:MediaServiceLoca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562e19c-4f3a-4237-b495-387a3b6c6ca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hidden="true" ma:internalName="MediaServiceKeyPoints" ma:readOnly="true">
      <xsd:simpleType>
        <xsd:restriction base="dms:Note"/>
      </xsd:simpleType>
    </xsd:element>
    <xsd:element name="MediaServiceAutoTags" ma:index="12" nillable="true" ma:displayName="Tags" ma:hidden="true" ma:internalName="MediaServiceAutoTags" ma:readOnly="true">
      <xsd:simpleType>
        <xsd:restriction base="dms:Text"/>
      </xsd:simpleType>
    </xsd:element>
    <xsd:element name="MediaServiceOCR" ma:index="13" nillable="true" ma:displayName="Extracted Text" ma:hidden="true" ma:internalName="MediaServiceOCR" ma:readOnly="true">
      <xsd:simpleType>
        <xsd:restriction base="dms:Note"/>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hidden="true" ma:internalName="MediaServiceLocation" ma:readOnly="true">
      <xsd:simpleType>
        <xsd:restriction base="dms:Text"/>
      </xsd:simpleType>
    </xsd:element>
    <xsd:element name="MediaLengthInSeconds" ma:index="20" nillable="true" ma:displayName="Length (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015306e-53ff-430f-8369-c8220d75c1b2" elementFormDefault="qualified">
    <xsd:import namespace="http://schemas.microsoft.com/office/2006/documentManagement/types"/>
    <xsd:import namespace="http://schemas.microsoft.com/office/infopath/2007/PartnerControls"/>
    <xsd:element name="SharedWithUsers" ma:index="16" nillable="true" ma:displayName="Shared With" ma:hidden="true"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hidden="true" ma:internalName="SharedWithDetail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0"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0F18A13-EEF5-4AFB-8311-432ED7C7E236}"/>
</file>

<file path=customXml/itemProps2.xml><?xml version="1.0" encoding="utf-8"?>
<ds:datastoreItem xmlns:ds="http://schemas.openxmlformats.org/officeDocument/2006/customXml" ds:itemID="{88547F4A-1144-4686-8E33-D3A718929637}"/>
</file>

<file path=customXml/itemProps3.xml><?xml version="1.0" encoding="utf-8"?>
<ds:datastoreItem xmlns:ds="http://schemas.openxmlformats.org/officeDocument/2006/customXml" ds:itemID="{057F5D53-5BC7-4D8E-87C3-E87E881150B5}"/>
</file>

<file path=docProps/app.xml><?xml version="1.0" encoding="utf-8"?>
<Properties xmlns="http://schemas.openxmlformats.org/officeDocument/2006/extended-properties" xmlns:vt="http://schemas.openxmlformats.org/officeDocument/2006/docPropsVTypes">
  <Application>Microsoft Excel Online</Application>
  <Manager/>
  <Company>UT Southwestern Medical Center</Company>
  <HyperlinkBase/>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Fifi Nguyen</dc:creator>
  <cp:keywords/>
  <dc:description/>
  <cp:lastModifiedBy>Michael Meixner</cp:lastModifiedBy>
  <cp:revision/>
  <dcterms:created xsi:type="dcterms:W3CDTF">2016-05-23T19:41:13Z</dcterms:created>
  <dcterms:modified xsi:type="dcterms:W3CDTF">2021-03-02T19:54:07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67ED864FFB19A46990180E0D864FAD1</vt:lpwstr>
  </property>
</Properties>
</file>